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19"/>
  </p:notesMasterIdLst>
  <p:sldIdLst>
    <p:sldId id="277" r:id="rId8"/>
    <p:sldId id="283" r:id="rId9"/>
    <p:sldId id="256" r:id="rId10"/>
    <p:sldId id="257" r:id="rId11"/>
    <p:sldId id="259" r:id="rId12"/>
    <p:sldId id="258" r:id="rId13"/>
    <p:sldId id="260" r:id="rId14"/>
    <p:sldId id="275" r:id="rId15"/>
    <p:sldId id="276" r:id="rId16"/>
    <p:sldId id="279" r:id="rId17"/>
    <p:sldId id="282" r:id="rId1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A4346CA-531F-499A-A7E8-672B0500A9A6}" v="105" dt="2025-02-20T07:17:05.70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2" autoAdjust="0"/>
  </p:normalViewPr>
  <p:slideViewPr>
    <p:cSldViewPr snapToGrid="0" showGuides="1">
      <p:cViewPr varScale="1">
        <p:scale>
          <a:sx n="68" d="100"/>
          <a:sy n="68" d="100"/>
        </p:scale>
        <p:origin x="84" y="91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6/03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sdu.dk/da/gdpr" TargetMode="External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Relationship Id="rId4" Type="http://schemas.openxmlformats.org/officeDocument/2006/relationships/hyperlink" Target="mailto:GDPR-studieservice@sdu.dk" TargetMode="Externa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4" Type="http://schemas.openxmlformats.org/officeDocument/2006/relationships/image" Target="../media/image4.pn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2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42862EC-93B7-E253-A1DF-65EB01583C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da-DK" sz="4800" dirty="0"/>
              <a:t>Hvem er Sofus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DF5771D-B603-09F5-8A7D-CE0A3505BC1C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da-DK" sz="2800" dirty="0"/>
          </a:p>
          <a:p>
            <a:r>
              <a:rPr lang="da-DK" sz="2800" dirty="0" err="1"/>
              <a:t>Cand.mag</a:t>
            </a:r>
            <a:r>
              <a:rPr lang="da-DK" sz="2800" dirty="0"/>
              <a:t> i Filosofi fra SDU</a:t>
            </a:r>
          </a:p>
          <a:p>
            <a:pPr marL="0" indent="0">
              <a:buNone/>
            </a:pPr>
            <a:endParaRPr lang="da-DK" sz="2800" dirty="0"/>
          </a:p>
          <a:p>
            <a:r>
              <a:rPr lang="da-DK" sz="2800" dirty="0"/>
              <a:t>Tidligere ansat i bacheloroptaget på KU og AU</a:t>
            </a:r>
          </a:p>
          <a:p>
            <a:pPr marL="0" indent="0">
              <a:buNone/>
            </a:pPr>
            <a:endParaRPr lang="da-DK" sz="2800" dirty="0"/>
          </a:p>
          <a:p>
            <a:r>
              <a:rPr lang="da-DK" sz="2800" dirty="0"/>
              <a:t>Nu ansat på 10. år på SDU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69C0855-0987-FCB0-343F-E5552D8180D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B2400E6-B074-4F7F-8552-A65E909152A9}" type="datetime1">
              <a:rPr lang="da-DK" smtClean="0"/>
              <a:t>06-03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4B36A16-B0F0-82A5-8405-CFE2F9B9D6F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2314210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E22AD54-B1FD-50D9-937C-DE379FCB67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kan jeg gøre?</a:t>
            </a:r>
          </a:p>
        </p:txBody>
      </p:sp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B5A5A65F-07CC-A8F5-D4DC-824FA6A0624C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410400" y="1937439"/>
            <a:ext cx="2178472" cy="1728787"/>
          </a:xfr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79084133-3BB1-3718-6033-4F756A5E37D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254F5AE-BEBB-4946-A0B4-C76DAD87BCC4}" type="datetime1">
              <a:rPr lang="da-DK" smtClean="0"/>
              <a:t>06-03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52CF944-FD42-3980-7E26-3FBEA246BE0B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BDAF71C3-F1BC-4877-6C9F-6FC675604E89}"/>
              </a:ext>
            </a:extLst>
          </p:cNvPr>
          <p:cNvSpPr txBox="1"/>
          <p:nvPr/>
        </p:nvSpPr>
        <p:spPr>
          <a:xfrm>
            <a:off x="410400" y="4114800"/>
            <a:ext cx="11062732" cy="16312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dirty="0"/>
              <a:t>Få vejledning på: </a:t>
            </a:r>
            <a:r>
              <a:rPr lang="da-DK" dirty="0">
                <a:hlinkClick r:id="rId3"/>
              </a:rPr>
              <a:t>https://www.sdu.dk/da/gdpr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Kontakt </a:t>
            </a:r>
            <a:r>
              <a:rPr lang="da-DK" dirty="0">
                <a:hlinkClick r:id="rId4"/>
              </a:rPr>
              <a:t>GDPR-studieservice@sdu.dk</a:t>
            </a:r>
            <a:endParaRPr lang="da-DK" dirty="0"/>
          </a:p>
          <a:p>
            <a:endParaRPr lang="da-DK" dirty="0"/>
          </a:p>
          <a:p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108590362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>
            <a:lumMod val="20000"/>
            <a:lumOff val="80000"/>
          </a:schemeClr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7F5040AC-FDF0-58B7-1E33-451205A1D4C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6DA0424-5ABB-7C4A-158F-0386CFD1BC7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tabeskyttelseskursus for medarbejdere på SDU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DC4CD8A-859B-1394-F706-ADAB6430F349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223375" y="2493818"/>
            <a:ext cx="4609411" cy="4196545"/>
          </a:xfrm>
        </p:spPr>
        <p:txBody>
          <a:bodyPr/>
          <a:lstStyle/>
          <a:p>
            <a:pPr marL="0" indent="0" algn="ctr">
              <a:buNone/>
            </a:pPr>
            <a:r>
              <a:rPr lang="da-DK" sz="2400" dirty="0"/>
              <a:t>118 / 247 gennemført siden 2020</a:t>
            </a:r>
          </a:p>
          <a:p>
            <a:pPr marL="0" indent="0" algn="ctr">
              <a:buNone/>
            </a:pPr>
            <a:endParaRPr lang="da-DK" sz="2800" b="1" dirty="0">
              <a:solidFill>
                <a:srgbClr val="FFC000"/>
              </a:solidFill>
            </a:endParaRPr>
          </a:p>
          <a:p>
            <a:pPr marL="0" indent="0" algn="ctr">
              <a:buNone/>
            </a:pPr>
            <a:r>
              <a:rPr lang="da-DK" sz="6600" b="1" dirty="0">
                <a:solidFill>
                  <a:srgbClr val="FFC000"/>
                </a:solidFill>
              </a:rPr>
              <a:t>Operations</a:t>
            </a:r>
          </a:p>
          <a:p>
            <a:pPr marL="0" indent="0" algn="ctr">
              <a:buNone/>
            </a:pPr>
            <a:r>
              <a:rPr lang="da-DK" sz="1800" b="1" dirty="0">
                <a:solidFill>
                  <a:srgbClr val="FFC000"/>
                </a:solidFill>
              </a:rPr>
              <a:t>(100% gennemførsel)</a:t>
            </a:r>
          </a:p>
          <a:p>
            <a:pPr marL="0" indent="0" algn="ctr">
              <a:buNone/>
            </a:pPr>
            <a:endParaRPr lang="da-DK" sz="2400" dirty="0"/>
          </a:p>
          <a:p>
            <a:pPr marL="0" indent="0" algn="ctr">
              <a:buNone/>
            </a:pPr>
            <a:endParaRPr lang="da-DK" sz="2400" dirty="0"/>
          </a:p>
          <a:p>
            <a:pPr marL="0" indent="0" algn="ctr">
              <a:buNone/>
            </a:pPr>
            <a:endParaRPr lang="da-DK" sz="2400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6B64957D-B014-553E-CC77-05BAFDE6B7A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857488C3-CF0D-4E32-9702-7A2DFBF96B2E}" type="datetime1">
              <a:rPr lang="da-DK" smtClean="0"/>
              <a:t>06-03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D87F427-DAF7-4379-1144-FB438028D29D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C98FDFA9-541D-C666-2DB1-A5078C222444}"/>
              </a:ext>
            </a:extLst>
          </p:cNvPr>
          <p:cNvSpPr txBox="1"/>
          <p:nvPr/>
        </p:nvSpPr>
        <p:spPr>
          <a:xfrm>
            <a:off x="8255479" y="3093756"/>
            <a:ext cx="2165231" cy="212365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3800" dirty="0">
                <a:solidFill>
                  <a:srgbClr val="FFC000"/>
                </a:solidFill>
              </a:rPr>
              <a:t>!!!</a:t>
            </a:r>
          </a:p>
        </p:txBody>
      </p:sp>
    </p:spTree>
    <p:extLst>
      <p:ext uri="{BB962C8B-B14F-4D97-AF65-F5344CB8AC3E}">
        <p14:creationId xmlns:p14="http://schemas.microsoft.com/office/powerpoint/2010/main" val="9981529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5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000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20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 fmla="#ppt_w*sin(2.5*pi*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20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h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21" presetClass="entr" presetSubtype="1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heel(1)">
                                      <p:cBhvr>
                                        <p:cTn id="14" dur="2000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5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2000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0" dur="2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 fmla="#ppt_w*sin(2.5*pi*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" dur="2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h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2">
            <a:lumMod val="20000"/>
            <a:lumOff val="80000"/>
          </a:schemeClr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0F8CA31D-1327-5EE5-8684-61E32BA909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5A864C6-6355-39E0-2BBE-A2C1111147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2932202"/>
            <a:ext cx="10962000" cy="671967"/>
          </a:xfrm>
        </p:spPr>
        <p:txBody>
          <a:bodyPr/>
          <a:lstStyle/>
          <a:p>
            <a:pPr algn="ctr"/>
            <a:r>
              <a:rPr lang="da-DK" sz="4800" dirty="0"/>
              <a:t>Hvad laver Sofus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1F8E511-7E11-41BA-7004-71234B690FC6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0" indent="0">
              <a:buNone/>
            </a:pPr>
            <a:endParaRPr lang="da-DK" sz="2800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0893030-09E5-319B-7CC4-841B23044E3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B2400E6-B074-4F7F-8552-A65E909152A9}" type="datetime1">
              <a:rPr lang="da-DK" smtClean="0"/>
              <a:t>06-03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F9769FB-1271-698C-C308-FFC2E374FE2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921879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2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72A6DEA-3DCA-8EA2-DAF3-BEF97E5D81F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900529" y="1929474"/>
            <a:ext cx="10069011" cy="2698893"/>
          </a:xfrm>
        </p:spPr>
        <p:txBody>
          <a:bodyPr/>
          <a:lstStyle/>
          <a:p>
            <a:pPr algn="ctr"/>
            <a:r>
              <a:rPr lang="da-DK" dirty="0"/>
              <a:t>Team Systemer</a:t>
            </a:r>
            <a:br>
              <a:rPr lang="da-DK" dirty="0"/>
            </a:b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34884DF-0ED0-65A1-D524-AF6BD67B0B0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64957A0E-FA20-4CE6-9ABE-A816EF9E2568}" type="datetime1">
              <a:rPr lang="da-DK" smtClean="0"/>
              <a:t>06-03-2025</a:t>
            </a:fld>
            <a:endParaRPr lang="da-DK" dirty="0"/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3B4BB964-315A-F316-6F1E-E87B23752B34}"/>
              </a:ext>
            </a:extLst>
          </p:cNvPr>
          <p:cNvSpPr txBox="1"/>
          <p:nvPr/>
        </p:nvSpPr>
        <p:spPr>
          <a:xfrm>
            <a:off x="594243" y="3887368"/>
            <a:ext cx="10697228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6000" dirty="0"/>
              <a:t>op-systemer@sdu.d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0237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3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FDD539A-5495-B713-8312-3175651A62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484781"/>
            <a:ext cx="10962000" cy="671967"/>
          </a:xfrm>
        </p:spPr>
        <p:txBody>
          <a:bodyPr/>
          <a:lstStyle/>
          <a:p>
            <a:r>
              <a:rPr lang="da-DK" sz="4400" dirty="0"/>
              <a:t>Systemforvaltning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D516DD2-17B1-17C2-DA0D-F0E9578C75B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496769"/>
            <a:ext cx="10961237" cy="3864462"/>
          </a:xfrm>
        </p:spPr>
        <p:txBody>
          <a:bodyPr/>
          <a:lstStyle/>
          <a:p>
            <a:r>
              <a:rPr lang="da-DK" sz="1800" dirty="0"/>
              <a:t>Digital Eksamen</a:t>
            </a:r>
          </a:p>
          <a:p>
            <a:r>
              <a:rPr lang="da-DK" sz="1800" dirty="0"/>
              <a:t>Strike </a:t>
            </a:r>
            <a:r>
              <a:rPr lang="da-DK" sz="1800" dirty="0" err="1"/>
              <a:t>Plagiarism</a:t>
            </a:r>
            <a:endParaRPr lang="da-DK" sz="1800" dirty="0"/>
          </a:p>
          <a:p>
            <a:r>
              <a:rPr lang="da-DK" sz="1800" dirty="0"/>
              <a:t>Den digitale bevispostkasse</a:t>
            </a:r>
          </a:p>
          <a:p>
            <a:r>
              <a:rPr lang="da-DK" sz="1800" dirty="0" err="1"/>
              <a:t>Studcheck</a:t>
            </a:r>
            <a:endParaRPr lang="da-DK" sz="1800" dirty="0"/>
          </a:p>
          <a:p>
            <a:r>
              <a:rPr lang="da-DK" sz="1800" dirty="0" err="1"/>
              <a:t>Exam</a:t>
            </a:r>
            <a:r>
              <a:rPr lang="da-DK" sz="1800" dirty="0"/>
              <a:t> Monitor</a:t>
            </a:r>
          </a:p>
          <a:p>
            <a:r>
              <a:rPr lang="da-DK" sz="1800" dirty="0"/>
              <a:t>SPOC</a:t>
            </a:r>
          </a:p>
          <a:p>
            <a:r>
              <a:rPr lang="da-DK" sz="1800" dirty="0"/>
              <a:t>Stads</a:t>
            </a:r>
          </a:p>
          <a:p>
            <a:endParaRPr lang="da-DK" sz="1800" dirty="0"/>
          </a:p>
          <a:p>
            <a:pPr marL="0" indent="0">
              <a:buNone/>
            </a:pPr>
            <a:r>
              <a:rPr lang="da-DK" sz="1800" dirty="0"/>
              <a:t>(+flere ”usynlige” systemer)</a:t>
            </a:r>
          </a:p>
          <a:p>
            <a:pPr marL="0" indent="0">
              <a:buNone/>
            </a:pPr>
            <a:endParaRPr lang="da-DK" sz="1800" dirty="0"/>
          </a:p>
          <a:p>
            <a:pPr>
              <a:buFontTx/>
              <a:buChar char="-"/>
            </a:pPr>
            <a:r>
              <a:rPr lang="da-DK" sz="1800" dirty="0" err="1"/>
              <a:t>Governance</a:t>
            </a:r>
            <a:r>
              <a:rPr lang="da-DK" sz="1800" dirty="0"/>
              <a:t> (strategier for anvendelse og udvikling, organisering, beslutningstagning)</a:t>
            </a:r>
          </a:p>
          <a:p>
            <a:pPr>
              <a:buFontTx/>
              <a:buChar char="-"/>
            </a:pPr>
            <a:r>
              <a:rPr lang="da-DK" sz="1800" dirty="0"/>
              <a:t>Risikovurderinger</a:t>
            </a:r>
          </a:p>
          <a:p>
            <a:pPr>
              <a:buFontTx/>
              <a:buChar char="-"/>
            </a:pPr>
            <a:r>
              <a:rPr lang="da-DK" sz="1800" dirty="0"/>
              <a:t>Drift &amp; support (identificere, analysere, rette. vejlede, uddanne, web)</a:t>
            </a:r>
          </a:p>
          <a:p>
            <a:pPr>
              <a:buFontTx/>
              <a:buChar char="-"/>
            </a:pPr>
            <a:r>
              <a:rPr lang="da-DK" sz="1800" dirty="0"/>
              <a:t>Forbedring og videreudvikling (indsamle, prioritere, projektsætte)</a:t>
            </a:r>
          </a:p>
          <a:p>
            <a:pPr>
              <a:buFontTx/>
              <a:buChar char="-"/>
            </a:pPr>
            <a:endParaRPr lang="da-DK" sz="1800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69B0CD5-8385-04FE-3C69-0980C9AFACF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C9217F3-72C0-45B0-90FF-10DFFA825507}" type="datetime1">
              <a:rPr lang="da-DK" smtClean="0"/>
              <a:t>06-03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8741B4D-440E-F129-7CF5-9EB41AF9DAC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3659979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4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58114EF-FF58-6301-1C6F-D76CB4AF7E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4400" dirty="0"/>
              <a:t>Projekt og portefølj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EF34DB6-6985-AD4A-ECB8-161F9E369656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sz="1800" dirty="0"/>
              <a:t>Ingen udvikling uden projekt</a:t>
            </a:r>
          </a:p>
          <a:p>
            <a:r>
              <a:rPr lang="da-DK" sz="1800" dirty="0"/>
              <a:t>Intet projekt uden godkendelse</a:t>
            </a:r>
          </a:p>
          <a:p>
            <a:r>
              <a:rPr lang="da-DK" sz="1800" dirty="0"/>
              <a:t>Ingen godkendelse uden styr på formalia</a:t>
            </a:r>
          </a:p>
          <a:p>
            <a:endParaRPr lang="da-DK" sz="1800" dirty="0"/>
          </a:p>
          <a:p>
            <a:pPr marL="0" indent="0">
              <a:buNone/>
            </a:pPr>
            <a:r>
              <a:rPr lang="da-DK" sz="1800" dirty="0"/>
              <a:t>Projekter tager tid!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7D58B913-750F-5084-322B-1CFE7169C4D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D6161EA-74EC-449A-B703-4BA9884F77C5}" type="datetime1">
              <a:rPr lang="da-DK" smtClean="0"/>
              <a:t>06-03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D59D663-50D7-6894-13F0-241A49BEF92C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000736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FEA605-0926-9F2E-2E3E-4A8EE3EC64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577309"/>
            <a:ext cx="10962000" cy="671967"/>
          </a:xfrm>
        </p:spPr>
        <p:txBody>
          <a:bodyPr/>
          <a:lstStyle/>
          <a:p>
            <a:r>
              <a:rPr lang="da-DK" dirty="0"/>
              <a:t>GDPR og Informationssikkerhed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40B8E6C-34C6-14C3-7793-9C5CE74264D5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592323"/>
            <a:ext cx="10961237" cy="4461766"/>
          </a:xfrm>
        </p:spPr>
        <p:txBody>
          <a:bodyPr/>
          <a:lstStyle/>
          <a:p>
            <a:r>
              <a:rPr lang="da-DK" sz="1800" dirty="0"/>
              <a:t>GDPR = regler vi skal overholde for den registreredes skyld (og også for SDU)</a:t>
            </a:r>
          </a:p>
          <a:p>
            <a:pPr marL="0" indent="0">
              <a:buNone/>
            </a:pPr>
            <a:endParaRPr lang="da-DK" sz="1800" dirty="0"/>
          </a:p>
          <a:p>
            <a:pPr marL="0" indent="0">
              <a:buNone/>
            </a:pPr>
            <a:r>
              <a:rPr lang="da-DK" sz="1800" dirty="0"/>
              <a:t>Alexander Lund Faurschou</a:t>
            </a:r>
          </a:p>
          <a:p>
            <a:pPr marL="0" indent="0">
              <a:buNone/>
            </a:pPr>
            <a:endParaRPr lang="da-DK" sz="1800" dirty="0"/>
          </a:p>
          <a:p>
            <a:r>
              <a:rPr lang="da-DK" sz="1800" dirty="0"/>
              <a:t>Informationssikkerhed = retningslinjer vi skal overholde for SDUs skyld (og også for de registrerede)</a:t>
            </a:r>
          </a:p>
          <a:p>
            <a:endParaRPr lang="da-DK" sz="1800" dirty="0"/>
          </a:p>
          <a:p>
            <a:pPr marL="0" indent="0">
              <a:buNone/>
            </a:pPr>
            <a:r>
              <a:rPr lang="da-DK" sz="1800" dirty="0"/>
              <a:t>Sofus Ryge Petersen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Tæt samarbejde med </a:t>
            </a:r>
            <a:r>
              <a:rPr lang="da-DK" dirty="0" err="1"/>
              <a:t>Governance</a:t>
            </a:r>
            <a:r>
              <a:rPr lang="da-DK" dirty="0"/>
              <a:t>, Risk &amp; Compliance (GRC)</a:t>
            </a:r>
          </a:p>
          <a:p>
            <a:pPr marL="0" indent="0">
              <a:buNone/>
            </a:pPr>
            <a:endParaRPr lang="da-DK" dirty="0"/>
          </a:p>
          <a:p>
            <a:pPr marL="0" indent="0" algn="ctr">
              <a:buNone/>
            </a:pPr>
            <a:endParaRPr lang="da-DK" sz="2800" b="1" dirty="0"/>
          </a:p>
          <a:p>
            <a:pPr marL="0" indent="0" algn="ctr">
              <a:buNone/>
            </a:pPr>
            <a:r>
              <a:rPr lang="da-DK" sz="2800" b="1" dirty="0"/>
              <a:t>Kontakt: GDPR-studieservice@sdu.dk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EEFBD79-2EEA-F92B-96A9-CC5DB4F274F3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AF83CF2-53B4-4242-89DC-26C6B3BE1181}" type="datetime1">
              <a:rPr lang="da-DK" smtClean="0"/>
              <a:t>06-03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C9659CE-1CCD-83C7-EE26-7664943D9A4B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2211118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132615-DE14-DAF5-3926-85C8F284FC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5000" y="332920"/>
            <a:ext cx="10962000" cy="671967"/>
          </a:xfrm>
        </p:spPr>
        <p:txBody>
          <a:bodyPr/>
          <a:lstStyle/>
          <a:p>
            <a:pPr algn="ctr"/>
            <a:r>
              <a:rPr lang="da-DK" dirty="0"/>
              <a:t>Seneste phishing-kampagne</a:t>
            </a:r>
          </a:p>
        </p:txBody>
      </p:sp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C2640971-1675-F06C-46C2-BC98CDB6AE7C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1404659" y="1004887"/>
            <a:ext cx="9693402" cy="5316028"/>
          </a:xfr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BBE4E62-DE87-58E4-BA3E-05765A9DB3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F81192F-C9F3-4A2C-89B0-EEFBEFCBA323}" type="datetime1">
              <a:rPr lang="da-DK" smtClean="0"/>
              <a:t>06-03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AF12BAA-05E1-21BB-C341-EDF93FDBAB1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4580024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F098EE5-CF0A-DA77-E126-FCCBB95FAF6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660805"/>
            <a:ext cx="10962000" cy="671967"/>
          </a:xfrm>
        </p:spPr>
        <p:txBody>
          <a:bodyPr/>
          <a:lstStyle/>
          <a:p>
            <a:r>
              <a:rPr lang="da-DK" dirty="0"/>
              <a:t>Fællesområdet</a:t>
            </a:r>
          </a:p>
        </p:txBody>
      </p:sp>
      <p:graphicFrame>
        <p:nvGraphicFramePr>
          <p:cNvPr id="6" name="Pladsholder til indhold 5">
            <a:extLst>
              <a:ext uri="{FF2B5EF4-FFF2-40B4-BE49-F238E27FC236}">
                <a16:creationId xmlns:a16="http://schemas.microsoft.com/office/drawing/2014/main" id="{C0A5D44E-1B19-93A7-5BCB-F0352508F95B}"/>
              </a:ext>
            </a:extLst>
          </p:cNvPr>
          <p:cNvGraphicFramePr>
            <a:graphicFrameLocks noGrp="1"/>
          </p:cNvGraphicFramePr>
          <p:nvPr>
            <p:ph sz="quarter" idx="19"/>
          </p:nvPr>
        </p:nvGraphicFramePr>
        <p:xfrm>
          <a:off x="410400" y="1558081"/>
          <a:ext cx="5685600" cy="4583927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2591592">
                  <a:extLst>
                    <a:ext uri="{9D8B030D-6E8A-4147-A177-3AD203B41FA5}">
                      <a16:colId xmlns:a16="http://schemas.microsoft.com/office/drawing/2014/main" val="2907968646"/>
                    </a:ext>
                  </a:extLst>
                </a:gridCol>
                <a:gridCol w="724619">
                  <a:extLst>
                    <a:ext uri="{9D8B030D-6E8A-4147-A177-3AD203B41FA5}">
                      <a16:colId xmlns:a16="http://schemas.microsoft.com/office/drawing/2014/main" val="3543239216"/>
                    </a:ext>
                  </a:extLst>
                </a:gridCol>
                <a:gridCol w="947989">
                  <a:extLst>
                    <a:ext uri="{9D8B030D-6E8A-4147-A177-3AD203B41FA5}">
                      <a16:colId xmlns:a16="http://schemas.microsoft.com/office/drawing/2014/main" val="1130686469"/>
                    </a:ext>
                  </a:extLst>
                </a:gridCol>
                <a:gridCol w="1421400">
                  <a:extLst>
                    <a:ext uri="{9D8B030D-6E8A-4147-A177-3AD203B41FA5}">
                      <a16:colId xmlns:a16="http://schemas.microsoft.com/office/drawing/2014/main" val="1814419891"/>
                    </a:ext>
                  </a:extLst>
                </a:gridCol>
              </a:tblGrid>
              <a:tr h="431938">
                <a:tc gridSpan="3">
                  <a:txBody>
                    <a:bodyPr/>
                    <a:lstStyle/>
                    <a:p>
                      <a:pPr marL="0" marR="0" lvl="0" indent="0" algn="r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1" u="none" strike="noStrike" dirty="0">
                          <a:effectLst/>
                        </a:rPr>
                        <a:t>Kompromitteret</a:t>
                      </a:r>
                      <a:endParaRPr lang="da-DK" sz="12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  <a:p>
                      <a:pPr algn="r" fontAlgn="b"/>
                      <a:endParaRPr lang="da-DK" sz="12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 hMerge="1">
                  <a:txBody>
                    <a:bodyPr/>
                    <a:lstStyle/>
                    <a:p>
                      <a:pPr algn="r" fontAlgn="b"/>
                      <a:endParaRPr lang="da-DK" sz="12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 hMerge="1">
                  <a:txBody>
                    <a:bodyPr/>
                    <a:lstStyle/>
                    <a:p>
                      <a:pPr algn="r" fontAlgn="b"/>
                      <a:endParaRPr lang="da-DK" sz="12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 rowSpan="2">
                  <a:txBody>
                    <a:bodyPr/>
                    <a:lstStyle/>
                    <a:p>
                      <a:pPr algn="r" fontAlgn="b"/>
                      <a:r>
                        <a:rPr lang="da-DK" sz="1200" b="1" u="none" strike="noStrike" dirty="0">
                          <a:effectLst/>
                        </a:rPr>
                        <a:t>Antal (kompromitterede i parentes)</a:t>
                      </a:r>
                      <a:endParaRPr lang="da-DK" sz="12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1311580167"/>
                  </a:ext>
                </a:extLst>
              </a:tr>
              <a:tr h="287089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b="1" u="none" strike="noStrike" dirty="0">
                          <a:effectLst/>
                        </a:rPr>
                        <a:t>Institut/afdeling</a:t>
                      </a:r>
                      <a:endParaRPr lang="da-DK" sz="12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1" u="none" strike="noStrike" dirty="0">
                          <a:effectLst/>
                        </a:rPr>
                        <a:t>Ja</a:t>
                      </a:r>
                      <a:endParaRPr lang="da-DK" sz="12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1" u="none" strike="noStrike" dirty="0">
                          <a:effectLst/>
                        </a:rPr>
                        <a:t>Nej</a:t>
                      </a:r>
                      <a:endParaRPr lang="da-DK" sz="12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20695880"/>
                  </a:ext>
                </a:extLst>
              </a:tr>
              <a:tr h="294618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 dirty="0">
                          <a:effectLst/>
                        </a:rPr>
                        <a:t>SDU Analytics</a:t>
                      </a:r>
                      <a:endParaRPr lang="da-DK" sz="12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1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,9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22(2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3678170477"/>
                  </a:ext>
                </a:extLst>
              </a:tr>
              <a:tr h="294618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>
                          <a:effectLst/>
                        </a:rPr>
                        <a:t>SDU Digital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,0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6,0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50(2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3857697015"/>
                  </a:ext>
                </a:extLst>
              </a:tr>
              <a:tr h="294618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 dirty="0">
                          <a:effectLst/>
                        </a:rPr>
                        <a:t>SDU Fælles 8</a:t>
                      </a:r>
                      <a:endParaRPr lang="da-DK" sz="12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0,0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0,0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5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62945837"/>
                  </a:ext>
                </a:extLst>
              </a:tr>
              <a:tr h="223148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 dirty="0">
                          <a:effectLst/>
                        </a:rPr>
                        <a:t>SDU HR</a:t>
                      </a:r>
                      <a:endParaRPr lang="da-DK" sz="12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4,5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5,5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76(11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2996360517"/>
                  </a:ext>
                </a:extLst>
              </a:tr>
              <a:tr h="223148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 dirty="0">
                          <a:effectLst/>
                        </a:rPr>
                        <a:t>SDU IT</a:t>
                      </a:r>
                      <a:endParaRPr lang="da-DK" sz="12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,9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4,1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135(8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387631028"/>
                  </a:ext>
                </a:extLst>
              </a:tr>
              <a:tr h="245747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 dirty="0">
                          <a:effectLst/>
                        </a:rPr>
                        <a:t>SDU Kommunikation</a:t>
                      </a:r>
                      <a:endParaRPr lang="da-DK" sz="12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,3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,7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39(4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3089146560"/>
                  </a:ext>
                </a:extLst>
              </a:tr>
              <a:tr h="223148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>
                          <a:effectLst/>
                        </a:rPr>
                        <a:t>SDU RIO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2,3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7,7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122(15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3492454591"/>
                  </a:ext>
                </a:extLst>
              </a:tr>
              <a:tr h="237072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 dirty="0">
                          <a:effectLst/>
                        </a:rPr>
                        <a:t>SDU Uddannelse</a:t>
                      </a:r>
                      <a:endParaRPr lang="da-DK" sz="12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0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,0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330(23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2513070247"/>
                  </a:ext>
                </a:extLst>
              </a:tr>
              <a:tr h="300144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 dirty="0">
                          <a:effectLst/>
                        </a:rPr>
                        <a:t>SDU Universitetspædagogik</a:t>
                      </a:r>
                      <a:endParaRPr lang="da-DK" sz="12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4,3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5,7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14(2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2088684173"/>
                  </a:ext>
                </a:extLst>
              </a:tr>
              <a:tr h="350167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 dirty="0">
                          <a:effectLst/>
                        </a:rPr>
                        <a:t>Syddansk Universitetsbibliotek</a:t>
                      </a:r>
                      <a:endParaRPr lang="da-DK" sz="12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,9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2,1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112(20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332960683"/>
                  </a:ext>
                </a:extLst>
              </a:tr>
              <a:tr h="294618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>
                          <a:effectLst/>
                        </a:rPr>
                        <a:t>Teknisk Service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9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,1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121(12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2977790393"/>
                  </a:ext>
                </a:extLst>
              </a:tr>
              <a:tr h="294618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 dirty="0">
                          <a:effectLst/>
                        </a:rPr>
                        <a:t>Ukendt afdeling</a:t>
                      </a:r>
                      <a:endParaRPr lang="da-DK" sz="12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1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,9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88(8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1487131826"/>
                  </a:ext>
                </a:extLst>
              </a:tr>
              <a:tr h="294618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u="none" strike="noStrike" dirty="0">
                          <a:effectLst/>
                        </a:rPr>
                        <a:t>Økonomiservice</a:t>
                      </a:r>
                      <a:endParaRPr lang="da-DK" sz="12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,2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4,8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>
                          <a:effectLst/>
                        </a:rPr>
                        <a:t>77(4)</a:t>
                      </a:r>
                      <a:endParaRPr lang="da-DK" sz="12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1781048845"/>
                  </a:ext>
                </a:extLst>
              </a:tr>
              <a:tr h="294618">
                <a:tc>
                  <a:txBody>
                    <a:bodyPr/>
                    <a:lstStyle/>
                    <a:p>
                      <a:pPr algn="l" fontAlgn="b"/>
                      <a:r>
                        <a:rPr lang="da-DK" sz="1200" b="1" u="none" strike="noStrike" dirty="0">
                          <a:effectLst/>
                        </a:rPr>
                        <a:t>Hovedtotal</a:t>
                      </a:r>
                      <a:endParaRPr lang="da-DK" sz="12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3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,7%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200" u="none" strike="noStrike" dirty="0">
                          <a:effectLst/>
                        </a:rPr>
                        <a:t> </a:t>
                      </a:r>
                      <a:endParaRPr lang="da-DK" sz="12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6669" marR="6669" marT="6669" marB="0" anchor="b"/>
                </a:tc>
                <a:extLst>
                  <a:ext uri="{0D108BD9-81ED-4DB2-BD59-A6C34878D82A}">
                    <a16:rowId xmlns:a16="http://schemas.microsoft.com/office/drawing/2014/main" val="1887686890"/>
                  </a:ext>
                </a:extLst>
              </a:tr>
            </a:tbl>
          </a:graphicData>
        </a:graphic>
      </p:graphicFrame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A4585DB-024E-4D02-B3E2-B701555F48D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3D3FE666-FE95-493C-A6F7-9DE08910AE61}" type="datetime1">
              <a:rPr lang="da-DK" smtClean="0"/>
              <a:t>06-03-2025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25DC545C-E813-05EE-FFA0-688233D2B6E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96000" y="1558081"/>
            <a:ext cx="5792008" cy="4105848"/>
          </a:xfrm>
          <a:prstGeom prst="rect">
            <a:avLst/>
          </a:prstGeom>
        </p:spPr>
      </p:pic>
      <p:sp>
        <p:nvSpPr>
          <p:cNvPr id="9" name="Tekstfelt 8">
            <a:extLst>
              <a:ext uri="{FF2B5EF4-FFF2-40B4-BE49-F238E27FC236}">
                <a16:creationId xmlns:a16="http://schemas.microsoft.com/office/drawing/2014/main" id="{7174B119-35C5-9AC5-F999-887A7AB5F8B1}"/>
              </a:ext>
            </a:extLst>
          </p:cNvPr>
          <p:cNvSpPr txBox="1"/>
          <p:nvPr/>
        </p:nvSpPr>
        <p:spPr>
          <a:xfrm>
            <a:off x="9479593" y="5330799"/>
            <a:ext cx="156500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dirty="0"/>
              <a:t>Nej – Ikke kompromitteret</a:t>
            </a:r>
          </a:p>
          <a:p>
            <a:r>
              <a:rPr lang="da-DK" sz="900" dirty="0"/>
              <a:t>Ja - Kompromittere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0939630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E11A054-8676-AE38-AD93-4DF2B672665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ornår skal det røde flag op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43705319-4D54-FD92-1B61-BF007B6E7FE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4" y="1989138"/>
            <a:ext cx="9000256" cy="3864462"/>
          </a:xfrm>
        </p:spPr>
        <p:txBody>
          <a:bodyPr/>
          <a:lstStyle/>
          <a:p>
            <a:pPr marL="0" indent="0">
              <a:buNone/>
            </a:pPr>
            <a:endParaRPr lang="da-DK" sz="2400" dirty="0"/>
          </a:p>
          <a:p>
            <a:r>
              <a:rPr lang="da-DK" sz="2400" dirty="0"/>
              <a:t>Hvis der er Call for action</a:t>
            </a:r>
          </a:p>
          <a:p>
            <a:endParaRPr lang="da-DK" sz="2400" dirty="0"/>
          </a:p>
          <a:p>
            <a:r>
              <a:rPr lang="da-DK" sz="2400" dirty="0"/>
              <a:t>Hvis der er pisk eller gulerod</a:t>
            </a:r>
          </a:p>
          <a:p>
            <a:pPr marL="0" indent="0">
              <a:buNone/>
            </a:pPr>
            <a:endParaRPr lang="da-DK" sz="2400" dirty="0"/>
          </a:p>
          <a:p>
            <a:r>
              <a:rPr lang="da-DK" sz="2400" dirty="0"/>
              <a:t>Hvis der er stavefejl, syntaksfejl (typisk for maskinoversættelse)</a:t>
            </a:r>
          </a:p>
          <a:p>
            <a:endParaRPr lang="da-DK" sz="2400" dirty="0"/>
          </a:p>
          <a:p>
            <a:r>
              <a:rPr lang="da-DK" sz="2400" dirty="0"/>
              <a:t>Tjek afsenderadresse!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B67D09C-8F03-93B8-CEA3-99639C57BA8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D6A0DB2-66E1-439E-AE51-9FC6B586E165}" type="datetime1">
              <a:rPr lang="da-DK" smtClean="0"/>
              <a:t>06-03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337370E-A519-2D2D-A965-E7CDD866C75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91828123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7926249703928021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3874ABC-2065-4A7D-A58C-B9BA277BFB16}">
  <ds:schemaRefs/>
</ds:datastoreItem>
</file>

<file path=customXml/itemProps2.xml><?xml version="1.0" encoding="utf-8"?>
<ds:datastoreItem xmlns:ds="http://schemas.openxmlformats.org/officeDocument/2006/customXml" ds:itemID="{8A405656-6C4F-4C73-958C-1744EC0D04F1}">
  <ds:schemaRefs/>
</ds:datastoreItem>
</file>

<file path=customXml/itemProps3.xml><?xml version="1.0" encoding="utf-8"?>
<ds:datastoreItem xmlns:ds="http://schemas.openxmlformats.org/officeDocument/2006/customXml" ds:itemID="{EB2F6DAA-3343-4EFD-ABD0-05F42D054ED0}">
  <ds:schemaRefs/>
</ds:datastoreItem>
</file>

<file path=customXml/itemProps4.xml><?xml version="1.0" encoding="utf-8"?>
<ds:datastoreItem xmlns:ds="http://schemas.openxmlformats.org/officeDocument/2006/customXml" ds:itemID="{A9B068DB-31B3-4E74-9857-CF45440D7CAB}">
  <ds:schemaRefs/>
</ds:datastoreItem>
</file>

<file path=customXml/itemProps5.xml><?xml version="1.0" encoding="utf-8"?>
<ds:datastoreItem xmlns:ds="http://schemas.openxmlformats.org/officeDocument/2006/customXml" ds:itemID="{36DF640F-FDA4-4DAC-9AC0-9A12226415DA}">
  <ds:schemaRefs/>
</ds:datastoreItem>
</file>

<file path=customXml/itemProps6.xml><?xml version="1.0" encoding="utf-8"?>
<ds:datastoreItem xmlns:ds="http://schemas.openxmlformats.org/officeDocument/2006/customXml" ds:itemID="{BAE0BCB8-EE3A-4095-9541-C1F1A3784F9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408</Words>
  <Application>Microsoft Office PowerPoint</Application>
  <PresentationFormat>Widescreen</PresentationFormat>
  <Paragraphs>160</Paragraphs>
  <Slides>1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1</vt:i4>
      </vt:variant>
    </vt:vector>
  </HeadingPairs>
  <TitlesOfParts>
    <vt:vector size="14" baseType="lpstr">
      <vt:lpstr>Arial</vt:lpstr>
      <vt:lpstr>Wingdings</vt:lpstr>
      <vt:lpstr>Blank</vt:lpstr>
      <vt:lpstr>Hvem er Sofus?</vt:lpstr>
      <vt:lpstr>Hvad laver Sofus?</vt:lpstr>
      <vt:lpstr>Team Systemer   </vt:lpstr>
      <vt:lpstr>Systemforvaltning</vt:lpstr>
      <vt:lpstr>Projekt og portefølje</vt:lpstr>
      <vt:lpstr>GDPR og Informationssikkerhed</vt:lpstr>
      <vt:lpstr>Seneste phishing-kampagne</vt:lpstr>
      <vt:lpstr>Fællesområdet</vt:lpstr>
      <vt:lpstr>Hvornår skal det røde flag op?</vt:lpstr>
      <vt:lpstr>Hvad kan jeg gøre?</vt:lpstr>
      <vt:lpstr>Databeskyttelseskursus for medarbejdere på SDU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6-26T11:32:20Z</dcterms:created>
  <dcterms:modified xsi:type="dcterms:W3CDTF">2025-03-06T13:58:35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30418523176733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